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Default Extension="vml" ContentType="application/vnd.openxmlformats-officedocument.vmlDrawing"/>
  <Default Extension="sldx" ContentType="application/vnd.openxmlformats-officedocument.presentationml.slide"/>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522\06_運輸Ｇ\01_財務\06_新要綱作成（補助金）\02_別表、様式、要領\別表２_ＱＣ\■手引とチェックリストの作成\▼0418起案\"/>
    </mc:Choice>
  </mc:AlternateContent>
  <bookViews>
    <workbookView xWindow="0" yWindow="0" windowWidth="23040" windowHeight="9105"/>
  </bookViews>
  <sheets>
    <sheet name="実績書類チェック・提出イメージ" sheetId="1" r:id="rId1"/>
  </sheets>
  <definedNames>
    <definedName name="_xlnm.Print_Area" localSheetId="0">実績書類チェック・提出イメージ!$A$1:$F$72</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78" uniqueCount="63">
  <si>
    <t>必要書類</t>
  </si>
  <si>
    <t>備考</t>
    <rPh sb="0" eb="2">
      <t>ビコウ</t>
    </rPh>
    <phoneticPr fontId="1"/>
  </si>
  <si>
    <t>確認事項</t>
  </si>
  <si>
    <t>□</t>
    <phoneticPr fontId="1"/>
  </si>
  <si>
    <t>提出書類の名称</t>
    <phoneticPr fontId="1"/>
  </si>
  <si>
    <t>その他知事が必要として
認める書類</t>
    <rPh sb="2" eb="3">
      <t>タ</t>
    </rPh>
    <rPh sb="3" eb="5">
      <t>チジ</t>
    </rPh>
    <rPh sb="6" eb="8">
      <t>ヒツヨウ</t>
    </rPh>
    <rPh sb="12" eb="13">
      <t>ミト</t>
    </rPh>
    <rPh sb="15" eb="17">
      <t>ショルイ</t>
    </rPh>
    <phoneticPr fontId="1"/>
  </si>
  <si>
    <t>※　上記以外にも、必要な場合は追加の書類提出を求めることがあります。</t>
    <rPh sb="2" eb="4">
      <t>ジョウキ</t>
    </rPh>
    <rPh sb="4" eb="6">
      <t>イガイ</t>
    </rPh>
    <rPh sb="9" eb="11">
      <t>ヒツヨウ</t>
    </rPh>
    <phoneticPr fontId="1"/>
  </si>
  <si>
    <r>
      <rPr>
        <sz val="6"/>
        <color theme="1"/>
        <rFont val="HG丸ｺﾞｼｯｸM-PRO"/>
        <family val="3"/>
        <charset val="128"/>
      </rPr>
      <t xml:space="preserve">チェック
</t>
    </r>
    <r>
      <rPr>
        <sz val="8"/>
        <color theme="1"/>
        <rFont val="HG丸ｺﾞｼｯｸM-PRO"/>
        <family val="3"/>
        <charset val="128"/>
      </rPr>
      <t>欄</t>
    </r>
    <rPh sb="5" eb="6">
      <t>ラン</t>
    </rPh>
    <phoneticPr fontId="1"/>
  </si>
  <si>
    <t>振込先口座情報の確認書類</t>
    <rPh sb="0" eb="3">
      <t>フリコミサキ</t>
    </rPh>
    <rPh sb="3" eb="5">
      <t>コウザ</t>
    </rPh>
    <rPh sb="5" eb="7">
      <t>ジョウホウ</t>
    </rPh>
    <rPh sb="8" eb="10">
      <t>カクニン</t>
    </rPh>
    <rPh sb="10" eb="12">
      <t>ショルイ</t>
    </rPh>
    <phoneticPr fontId="1"/>
  </si>
  <si>
    <r>
      <t>・</t>
    </r>
    <r>
      <rPr>
        <u/>
        <sz val="9"/>
        <rFont val="HG丸ｺﾞｼｯｸM-PRO"/>
        <family val="3"/>
        <charset val="128"/>
      </rPr>
      <t>申請者がリース事業者</t>
    </r>
    <r>
      <rPr>
        <sz val="9"/>
        <rFont val="HG丸ｺﾞｼｯｸM-PRO"/>
        <family val="3"/>
        <charset val="128"/>
      </rPr>
      <t>の場合は提出すること。</t>
    </r>
    <rPh sb="12" eb="14">
      <t>バアイ</t>
    </rPh>
    <rPh sb="15" eb="17">
      <t>テイシュツ</t>
    </rPh>
    <phoneticPr fontId="1"/>
  </si>
  <si>
    <r>
      <t>・以下の事項が全て確認できる通帳等の写しを提出すること。
　（ネットバンク等の場合は、以下の事項を確認できる画面やキャッシュ
　　カード等の写しを提出すること。）
　　□ 補助金振込先の口座名義人（フリガナ）
　　□ 金融機関名及び店名
　　□ 預金の種類
　　□ 口座番号
・</t>
    </r>
    <r>
      <rPr>
        <u/>
        <sz val="9"/>
        <rFont val="HG丸ｺﾞｼｯｸM-PRO"/>
        <family val="3"/>
        <charset val="128"/>
      </rPr>
      <t>申請者名義の口座に限る</t>
    </r>
    <r>
      <rPr>
        <sz val="9"/>
        <rFont val="HG丸ｺﾞｼｯｸM-PRO"/>
        <family val="3"/>
        <charset val="128"/>
      </rPr>
      <t>。</t>
    </r>
    <rPh sb="7" eb="8">
      <t>スベ</t>
    </rPh>
    <rPh sb="21" eb="23">
      <t>テイシュツ</t>
    </rPh>
    <rPh sb="73" eb="75">
      <t>テイシュツ</t>
    </rPh>
    <phoneticPr fontId="1"/>
  </si>
  <si>
    <t>インデックスの名称</t>
    <rPh sb="7" eb="9">
      <t>メイショウ</t>
    </rPh>
    <phoneticPr fontId="1"/>
  </si>
  <si>
    <t>口座情報</t>
    <rPh sb="0" eb="2">
      <t>コウザ</t>
    </rPh>
    <rPh sb="2" eb="4">
      <t>ジョウホウ</t>
    </rPh>
    <phoneticPr fontId="1"/>
  </si>
  <si>
    <t>領収書等</t>
    <rPh sb="0" eb="3">
      <t>リョウシュウショ</t>
    </rPh>
    <rPh sb="3" eb="4">
      <t>トウ</t>
    </rPh>
    <phoneticPr fontId="1"/>
  </si>
  <si>
    <t>経費の額</t>
    <rPh sb="0" eb="2">
      <t>ケイヒ</t>
    </rPh>
    <rPh sb="3" eb="4">
      <t>ガク</t>
    </rPh>
    <phoneticPr fontId="1"/>
  </si>
  <si>
    <t>実績報告書の提出イメージ</t>
    <rPh sb="0" eb="2">
      <t>ジッセキ</t>
    </rPh>
    <rPh sb="2" eb="4">
      <t>ホウコク</t>
    </rPh>
    <rPh sb="6" eb="8">
      <t>テイシュツ</t>
    </rPh>
    <phoneticPr fontId="1"/>
  </si>
  <si>
    <t>変更報告</t>
    <rPh sb="0" eb="2">
      <t>ヘンコウ</t>
    </rPh>
    <rPh sb="2" eb="4">
      <t>ホウコク</t>
    </rPh>
    <phoneticPr fontId="1"/>
  </si>
  <si>
    <t>事業結果報告</t>
    <rPh sb="0" eb="2">
      <t>ジギョウ</t>
    </rPh>
    <rPh sb="2" eb="4">
      <t>ケッカ</t>
    </rPh>
    <rPh sb="4" eb="6">
      <t>ホウコク</t>
    </rPh>
    <phoneticPr fontId="1"/>
  </si>
  <si>
    <t>実績報告</t>
    <rPh sb="0" eb="2">
      <t>ジッセキ</t>
    </rPh>
    <rPh sb="2" eb="4">
      <t>ホウコク</t>
    </rPh>
    <phoneticPr fontId="1"/>
  </si>
  <si>
    <t>【実績報告】書類チェックリスト（ＥＶ急速充電設備補助）</t>
    <rPh sb="1" eb="3">
      <t>ジッセキ</t>
    </rPh>
    <rPh sb="3" eb="5">
      <t>ホウコク</t>
    </rPh>
    <rPh sb="6" eb="8">
      <t>ショルイ</t>
    </rPh>
    <rPh sb="18" eb="24">
      <t>キュウソクジュウデンセツビ</t>
    </rPh>
    <rPh sb="24" eb="26">
      <t>ホジョ</t>
    </rPh>
    <phoneticPr fontId="1"/>
  </si>
  <si>
    <t>リース契約</t>
    <rPh sb="3" eb="5">
      <t>ケイヤク</t>
    </rPh>
    <phoneticPr fontId="1"/>
  </si>
  <si>
    <t>発注書</t>
    <rPh sb="0" eb="3">
      <t>ハッチュウショ</t>
    </rPh>
    <phoneticPr fontId="1"/>
  </si>
  <si>
    <t>適当な書類がない場合は、任意の様式に必要事項を記載してください。</t>
    <rPh sb="12" eb="14">
      <t>ニンイ</t>
    </rPh>
    <phoneticPr fontId="1"/>
  </si>
  <si>
    <t>設置完了</t>
    <rPh sb="0" eb="2">
      <t>セッチ</t>
    </rPh>
    <rPh sb="2" eb="4">
      <t>カンリョウ</t>
    </rPh>
    <phoneticPr fontId="1"/>
  </si>
  <si>
    <t>完成後の要部写真</t>
    <phoneticPr fontId="1"/>
  </si>
  <si>
    <t>要部写真</t>
    <rPh sb="0" eb="2">
      <t>ヨウブ</t>
    </rPh>
    <rPh sb="2" eb="4">
      <t>シャシン</t>
    </rPh>
    <phoneticPr fontId="1"/>
  </si>
  <si>
    <t>設計図面</t>
    <rPh sb="0" eb="2">
      <t>セッケイ</t>
    </rPh>
    <rPh sb="2" eb="4">
      <t>ズメン</t>
    </rPh>
    <phoneticPr fontId="1"/>
  </si>
  <si>
    <t>□</t>
    <phoneticPr fontId="1"/>
  </si>
  <si>
    <t>完成後の設計図面</t>
    <rPh sb="0" eb="2">
      <t>カンセイ</t>
    </rPh>
    <rPh sb="2" eb="3">
      <t>ゴ</t>
    </rPh>
    <phoneticPr fontId="1"/>
  </si>
  <si>
    <t>ＥＶ急速充電設備のメーカーが発行する保証書又はメーカーが認めた第三者の発行する保証書</t>
    <phoneticPr fontId="1"/>
  </si>
  <si>
    <t>保証書</t>
    <rPh sb="0" eb="3">
      <t>ホショウショ</t>
    </rPh>
    <phoneticPr fontId="1"/>
  </si>
  <si>
    <t>□</t>
    <phoneticPr fontId="1"/>
  </si>
  <si>
    <t>申請者：</t>
    <rPh sb="0" eb="3">
      <t>シンセイシャ</t>
    </rPh>
    <phoneticPr fontId="1"/>
  </si>
  <si>
    <t>押印は不要です。</t>
    <rPh sb="0" eb="2">
      <t>オウイン</t>
    </rPh>
    <rPh sb="3" eb="5">
      <t>フヨウ</t>
    </rPh>
    <phoneticPr fontId="1"/>
  </si>
  <si>
    <t>このチェックリストに記載のない事項についての詳細は手引や記載例をご確認ください。</t>
    <rPh sb="10" eb="12">
      <t>キサイ</t>
    </rPh>
    <rPh sb="15" eb="17">
      <t>ジコウ</t>
    </rPh>
    <rPh sb="22" eb="24">
      <t>ショウサイ</t>
    </rPh>
    <rPh sb="25" eb="27">
      <t>テビ</t>
    </rPh>
    <rPh sb="28" eb="30">
      <t>キサイ</t>
    </rPh>
    <rPh sb="30" eb="31">
      <t>レイ</t>
    </rPh>
    <rPh sb="33" eb="35">
      <t>カクニン</t>
    </rPh>
    <phoneticPr fontId="1"/>
  </si>
  <si>
    <t>左記「確認事項」欄の該当する項目の□にもチェックを入れてください。</t>
    <rPh sb="0" eb="2">
      <t>サキ</t>
    </rPh>
    <rPh sb="3" eb="5">
      <t>カクニン</t>
    </rPh>
    <rPh sb="5" eb="7">
      <t>ジコウ</t>
    </rPh>
    <rPh sb="8" eb="9">
      <t>ラン</t>
    </rPh>
    <rPh sb="10" eb="12">
      <t>ガイトウ</t>
    </rPh>
    <rPh sb="14" eb="16">
      <t>コウモク</t>
    </rPh>
    <phoneticPr fontId="1"/>
  </si>
  <si>
    <t>ＥＶ急速充電設備のリースに係る契約書
の写し</t>
    <rPh sb="2" eb="4">
      <t>キュウソク</t>
    </rPh>
    <rPh sb="4" eb="6">
      <t>ジュウデン</t>
    </rPh>
    <rPh sb="6" eb="8">
      <t>セツビ</t>
    </rPh>
    <rPh sb="13" eb="14">
      <t>カカ</t>
    </rPh>
    <rPh sb="15" eb="18">
      <t>ケイヤクショ</t>
    </rPh>
    <rPh sb="20" eb="21">
      <t>ウツ</t>
    </rPh>
    <phoneticPr fontId="1"/>
  </si>
  <si>
    <t>発注書の写し</t>
    <rPh sb="0" eb="3">
      <t>ハッチュウショ</t>
    </rPh>
    <rPh sb="4" eb="5">
      <t>ウツ</t>
    </rPh>
    <phoneticPr fontId="1"/>
  </si>
  <si>
    <t>領収書の写し又は金融機関発行の振込証の写し</t>
    <phoneticPr fontId="1"/>
  </si>
  <si>
    <t>国の補助金の交付決定通知書の写し</t>
    <rPh sb="6" eb="8">
      <t>コウフ</t>
    </rPh>
    <rPh sb="8" eb="10">
      <t>ケッテイ</t>
    </rPh>
    <phoneticPr fontId="1"/>
  </si>
  <si>
    <t>・経済産業省補助金等の国の補助金を受ける場合で、交付申請時に提出して
　いない場合は提出すること。</t>
    <rPh sb="24" eb="26">
      <t>コウフ</t>
    </rPh>
    <rPh sb="26" eb="29">
      <t>シンセイジ</t>
    </rPh>
    <rPh sb="30" eb="32">
      <t>テイシュツ</t>
    </rPh>
    <rPh sb="39" eb="41">
      <t>バアイ</t>
    </rPh>
    <phoneticPr fontId="1"/>
  </si>
  <si>
    <t>国交付決定</t>
    <rPh sb="0" eb="1">
      <t>クニ</t>
    </rPh>
    <rPh sb="1" eb="3">
      <t>コウフ</t>
    </rPh>
    <rPh sb="3" eb="5">
      <t>ケッテイ</t>
    </rPh>
    <phoneticPr fontId="1"/>
  </si>
  <si>
    <t>・「変更なし」又は「変更あり」のいずれか該当する□に必ず「✓」を記入
　すること。
・「変更あり」の場合は、記載された指示に従うこと。
　（リースの場合で、還元方法に変更があるときは、変更後の還元方法を
　　記入すること。）</t>
    <rPh sb="2" eb="4">
      <t>ヘンコウ</t>
    </rPh>
    <rPh sb="7" eb="8">
      <t>マタ</t>
    </rPh>
    <rPh sb="10" eb="12">
      <t>ヘンコウ</t>
    </rPh>
    <rPh sb="20" eb="22">
      <t>ガイトウ</t>
    </rPh>
    <rPh sb="26" eb="27">
      <t>カナラ</t>
    </rPh>
    <rPh sb="32" eb="34">
      <t>キニュウ</t>
    </rPh>
    <rPh sb="45" eb="47">
      <t>ヘンコウ</t>
    </rPh>
    <rPh sb="51" eb="53">
      <t>バアイ</t>
    </rPh>
    <rPh sb="55" eb="57">
      <t>キサイ</t>
    </rPh>
    <rPh sb="60" eb="62">
      <t>シジ</t>
    </rPh>
    <rPh sb="63" eb="64">
      <t>シタガ</t>
    </rPh>
    <rPh sb="75" eb="77">
      <t>バアイ</t>
    </rPh>
    <rPh sb="79" eb="81">
      <t>カンゲン</t>
    </rPh>
    <rPh sb="81" eb="83">
      <t>ホウホウ</t>
    </rPh>
    <rPh sb="84" eb="86">
      <t>ヘンコウ</t>
    </rPh>
    <rPh sb="93" eb="95">
      <t>ヘンコウ</t>
    </rPh>
    <rPh sb="95" eb="96">
      <t>ゴ</t>
    </rPh>
    <rPh sb="97" eb="99">
      <t>カンゲン</t>
    </rPh>
    <rPh sb="99" eb="101">
      <t>ホウホウ</t>
    </rPh>
    <rPh sb="105" eb="107">
      <t>キニュウ</t>
    </rPh>
    <phoneticPr fontId="1"/>
  </si>
  <si>
    <r>
      <t>・次の図面（設置工事費を申請しない場合は、完成設置場所見取図のみ）を
　提出すること。
　□完成設置場所見取図
　□完成電気系統図
・</t>
    </r>
    <r>
      <rPr>
        <u/>
        <sz val="9"/>
        <rFont val="HG丸ｺﾞｼｯｸM-PRO"/>
        <family val="3"/>
        <charset val="128"/>
      </rPr>
      <t>Ａ３サイズで</t>
    </r>
    <r>
      <rPr>
        <sz val="9"/>
        <rFont val="HG丸ｺﾞｼｯｸM-PRO"/>
        <family val="3"/>
        <charset val="128"/>
      </rPr>
      <t>提出すること。</t>
    </r>
    <rPh sb="1" eb="2">
      <t>ツギ</t>
    </rPh>
    <rPh sb="3" eb="5">
      <t>ズメン</t>
    </rPh>
    <rPh sb="21" eb="23">
      <t>カンセイ</t>
    </rPh>
    <rPh sb="36" eb="38">
      <t>テイシュツ</t>
    </rPh>
    <rPh sb="46" eb="48">
      <t>カンセイ</t>
    </rPh>
    <rPh sb="74" eb="76">
      <t>テイシュツ</t>
    </rPh>
    <phoneticPr fontId="1"/>
  </si>
  <si>
    <t>・メーカー名、型式、製造番号（シリアル番号）、保証開始日、
　発行先（申請者名）が確認できるものを提出すること。
・別体の課金デバイスがある場合で、ＥＶ急速充電設備の本体と別々に保証
　される場合は、当該課金デバイスの保証書も提出すること。
・メーカーが認めた第三者の発行する保証書を提出する場合、保証書の
　フォームはメーカーが定めたもので、第三者の発行をメーカーが管理
　できる場合に限る。</t>
    <phoneticPr fontId="1"/>
  </si>
  <si>
    <t>左記「確認事項」欄の該当する提出書類の□にもチェックを入れてください。</t>
    <rPh sb="0" eb="2">
      <t>サキ</t>
    </rPh>
    <rPh sb="3" eb="5">
      <t>カクニン</t>
    </rPh>
    <rPh sb="5" eb="7">
      <t>ジコウ</t>
    </rPh>
    <rPh sb="8" eb="9">
      <t>ラン</t>
    </rPh>
    <rPh sb="10" eb="12">
      <t>ガイトウ</t>
    </rPh>
    <rPh sb="14" eb="16">
      <t>テイシュツ</t>
    </rPh>
    <rPh sb="16" eb="18">
      <t>ショルイ</t>
    </rPh>
    <phoneticPr fontId="1"/>
  </si>
  <si>
    <t>・「交付決定通知書」に記載の日付、施行番号を必ず記入すること。
・「着手日」欄は設置工事の着工日を、「完了日」欄は次のうち最も遅い日と
　その番号を、それぞれ記入すること。
　　(1) 新たに整備するＥＶ急速充電設備の設置工事
　　(2) 新たに整備するＥＶ急速充電設備の引渡
　　(3) 新たに整備するＥＶ急速充電設備の代金の支払
・「（補助金振込先）」欄に記載するのは、申請者名義の口座に限る。</t>
    <rPh sb="11" eb="13">
      <t>キサイ</t>
    </rPh>
    <rPh sb="17" eb="19">
      <t>セコウ</t>
    </rPh>
    <rPh sb="22" eb="23">
      <t>カナラ</t>
    </rPh>
    <rPh sb="41" eb="43">
      <t>セッチ</t>
    </rPh>
    <rPh sb="43" eb="45">
      <t>コウジ</t>
    </rPh>
    <rPh sb="46" eb="48">
      <t>チャッコウ</t>
    </rPh>
    <rPh sb="48" eb="49">
      <t>ビ</t>
    </rPh>
    <rPh sb="58" eb="59">
      <t>ツギ</t>
    </rPh>
    <rPh sb="62" eb="63">
      <t>モット</t>
    </rPh>
    <rPh sb="64" eb="65">
      <t>オソ</t>
    </rPh>
    <rPh sb="66" eb="67">
      <t>ヒ</t>
    </rPh>
    <rPh sb="72" eb="74">
      <t>バンゴウ</t>
    </rPh>
    <rPh sb="80" eb="82">
      <t>キニュウ</t>
    </rPh>
    <rPh sb="180" eb="181">
      <t>ラン</t>
    </rPh>
    <rPh sb="182" eb="184">
      <t>キサイ</t>
    </rPh>
    <phoneticPr fontId="1"/>
  </si>
  <si>
    <t>神奈川県ＥＶ急速充電設備整備費補助金
実績報告書
（別表２第10号様式）</t>
  </si>
  <si>
    <t>神奈川県ＥＶ急速充電設備整備費補助金
事業結果報告書
（別表２第10号様式別紙１）</t>
  </si>
  <si>
    <t>設置完了証明書
（別表２第10号様式別紙２）</t>
    <rPh sb="0" eb="2">
      <t>セッチ</t>
    </rPh>
    <rPh sb="2" eb="4">
      <t>カンリョウ</t>
    </rPh>
    <rPh sb="4" eb="7">
      <t>ショウメイショ</t>
    </rPh>
    <rPh sb="18" eb="20">
      <t>ベッシ</t>
    </rPh>
    <phoneticPr fontId="1"/>
  </si>
  <si>
    <t>神奈川県ＥＶ急速充電設備整備費補助金
仕様変更報告書
（別表２第10号様式別紙３）
等</t>
  </si>
  <si>
    <r>
      <t xml:space="preserve">　※ </t>
    </r>
    <r>
      <rPr>
        <b/>
        <sz val="11"/>
        <color theme="1"/>
        <rFont val="HG丸ｺﾞｼｯｸM-PRO"/>
        <family val="3"/>
        <charset val="128"/>
      </rPr>
      <t>補助事業が完了した日の翌日から起算して２か月以内</t>
    </r>
    <r>
      <rPr>
        <sz val="11"/>
        <color theme="1"/>
        <rFont val="HG丸ｺﾞｼｯｸM-PRO"/>
        <family val="3"/>
        <charset val="128"/>
      </rPr>
      <t>又は</t>
    </r>
    <r>
      <rPr>
        <b/>
        <sz val="11"/>
        <color theme="1"/>
        <rFont val="HG丸ｺﾞｼｯｸM-PRO"/>
        <family val="3"/>
        <charset val="128"/>
      </rPr>
      <t>令和７年３月24日(月)</t>
    </r>
    <r>
      <rPr>
        <sz val="11"/>
        <color theme="1"/>
        <rFont val="HG丸ｺﾞｼｯｸM-PRO"/>
        <family val="3"/>
        <charset val="128"/>
      </rPr>
      <t>のいずれか早い日までに提出してください。</t>
    </r>
    <r>
      <rPr>
        <sz val="11"/>
        <color rgb="FFFF0000"/>
        <rFont val="HG丸ｺﾞｼｯｸM-PRO"/>
        <family val="3"/>
        <charset val="128"/>
      </rPr>
      <t>（必着）</t>
    </r>
    <rPh sb="12" eb="13">
      <t>ヒ</t>
    </rPh>
    <rPh sb="14" eb="16">
      <t>ヨクジツ</t>
    </rPh>
    <rPh sb="18" eb="20">
      <t>キサン</t>
    </rPh>
    <rPh sb="39" eb="40">
      <t>ゲツ</t>
    </rPh>
    <phoneticPr fontId="1"/>
  </si>
  <si>
    <t>ＥＶ急速充電設備の整備に係る経費の額を証する書類</t>
    <phoneticPr fontId="1"/>
  </si>
  <si>
    <t>□</t>
  </si>
  <si>
    <t>請求書の写し</t>
    <phoneticPr fontId="1"/>
  </si>
  <si>
    <t>請求書</t>
    <rPh sb="0" eb="3">
      <t>セイキュウショ</t>
    </rPh>
    <phoneticPr fontId="1"/>
  </si>
  <si>
    <t>・ＥＶ急速充電設備の本体の調達と設置工事を別の者に依頼した場合は、
　それぞれの発注書の写しを提出すること。
　（設備費のみを申請する場合は、本体の調達に係る発注書の写しのみで可。）</t>
    <rPh sb="3" eb="5">
      <t>キュウソク</t>
    </rPh>
    <rPh sb="5" eb="7">
      <t>ジュウデン</t>
    </rPh>
    <rPh sb="7" eb="9">
      <t>セツビ</t>
    </rPh>
    <rPh sb="10" eb="12">
      <t>ホンタイ</t>
    </rPh>
    <rPh sb="13" eb="15">
      <t>チョウタツ</t>
    </rPh>
    <rPh sb="16" eb="18">
      <t>セッチ</t>
    </rPh>
    <rPh sb="18" eb="20">
      <t>コウジ</t>
    </rPh>
    <rPh sb="21" eb="22">
      <t>ベツ</t>
    </rPh>
    <rPh sb="23" eb="24">
      <t>モノ</t>
    </rPh>
    <rPh sb="25" eb="27">
      <t>イライ</t>
    </rPh>
    <rPh sb="29" eb="31">
      <t>バアイ</t>
    </rPh>
    <rPh sb="40" eb="43">
      <t>ハッチュウショ</t>
    </rPh>
    <rPh sb="44" eb="45">
      <t>ウツ</t>
    </rPh>
    <rPh sb="47" eb="49">
      <t>テイシュツ</t>
    </rPh>
    <rPh sb="79" eb="82">
      <t>ハッチュウショ</t>
    </rPh>
    <rPh sb="83" eb="84">
      <t>ウツ</t>
    </rPh>
    <phoneticPr fontId="1"/>
  </si>
  <si>
    <t>・ＥＶ急速充電設備の本体の調達と設置工事を別の者に依頼した場合は、
　それぞれの請求書の写しを提出すること。
　（設備費のみを申請する場合は、本体の調達に係る請求書の写しのみで可。）</t>
    <rPh sb="3" eb="5">
      <t>キュウソク</t>
    </rPh>
    <rPh sb="5" eb="7">
      <t>ジュウデン</t>
    </rPh>
    <rPh sb="7" eb="9">
      <t>セツビ</t>
    </rPh>
    <rPh sb="10" eb="12">
      <t>ホンタイ</t>
    </rPh>
    <rPh sb="13" eb="15">
      <t>チョウタツ</t>
    </rPh>
    <rPh sb="16" eb="18">
      <t>セッチ</t>
    </rPh>
    <rPh sb="18" eb="20">
      <t>コウジ</t>
    </rPh>
    <rPh sb="21" eb="22">
      <t>ベツ</t>
    </rPh>
    <rPh sb="23" eb="24">
      <t>モノ</t>
    </rPh>
    <rPh sb="25" eb="27">
      <t>イライ</t>
    </rPh>
    <rPh sb="29" eb="31">
      <t>バアイ</t>
    </rPh>
    <rPh sb="40" eb="43">
      <t>セイキュウショ</t>
    </rPh>
    <rPh sb="44" eb="45">
      <t>ウツ</t>
    </rPh>
    <rPh sb="47" eb="49">
      <t>テイシュツ</t>
    </rPh>
    <rPh sb="79" eb="82">
      <t>セイキュウショ</t>
    </rPh>
    <rPh sb="83" eb="84">
      <t>ウツ</t>
    </rPh>
    <phoneticPr fontId="1"/>
  </si>
  <si>
    <r>
      <t>・ＥＶ急速充電設備の</t>
    </r>
    <r>
      <rPr>
        <u/>
        <sz val="9"/>
        <rFont val="HG丸ｺﾞｼｯｸM-PRO"/>
        <family val="3"/>
        <charset val="128"/>
      </rPr>
      <t>設備費と設置工事費の内訳が確認できる書類</t>
    </r>
    <r>
      <rPr>
        <sz val="9"/>
        <rFont val="HG丸ｺﾞｼｯｸM-PRO"/>
        <family val="3"/>
        <charset val="128"/>
      </rPr>
      <t>を提出
　すること。
　（設備費のみを申請する場合は、設備費の内訳のみで可。）
・６の書類から確認できる場合は提出不要</t>
    </r>
    <rPh sb="74" eb="76">
      <t>ショルイ</t>
    </rPh>
    <phoneticPr fontId="1"/>
  </si>
  <si>
    <r>
      <t>・次の写真を</t>
    </r>
    <r>
      <rPr>
        <u/>
        <sz val="9"/>
        <rFont val="HG丸ｺﾞｼｯｸM-PRO"/>
        <family val="3"/>
        <charset val="128"/>
      </rPr>
      <t>全てカラーで</t>
    </r>
    <r>
      <rPr>
        <sz val="9"/>
        <rFont val="HG丸ｺﾞｼｯｸM-PRO"/>
        <family val="3"/>
        <charset val="128"/>
      </rPr>
      <t>提出すること。
　□ＥＶ急速充電設備の充電スペース全景
　□ＥＶ急速充電設備本体（別体の課金デバイスや電源部）の設置場所
　□ＥＶ急速充電設備（別体の課金デバイスや電源部）の銘板写真
　□公共用の場合は、案内板の設置場所と公道からの全景
　□その他、申告した工事項目に該当する要部写真
・撮影項目の名称（充電スペース全景など）を付すこと。</t>
    </r>
    <rPh sb="1" eb="2">
      <t>ツギ</t>
    </rPh>
    <rPh sb="3" eb="5">
      <t>シャシン</t>
    </rPh>
    <rPh sb="6" eb="7">
      <t>スベ</t>
    </rPh>
    <rPh sb="12" eb="14">
      <t>テイシュツ</t>
    </rPh>
    <rPh sb="24" eb="26">
      <t>キュウソク</t>
    </rPh>
    <rPh sb="26" eb="28">
      <t>ジュウデン</t>
    </rPh>
    <rPh sb="28" eb="30">
      <t>セツビ</t>
    </rPh>
    <rPh sb="31" eb="33">
      <t>ジュウデン</t>
    </rPh>
    <rPh sb="37" eb="39">
      <t>ゼンケイ</t>
    </rPh>
    <rPh sb="106" eb="109">
      <t>コウキョウヨウ</t>
    </rPh>
    <rPh sb="110" eb="112">
      <t>バアイ</t>
    </rPh>
    <rPh sb="123" eb="125">
      <t>コウドウ</t>
    </rPh>
    <rPh sb="128" eb="130">
      <t>ゼンケイ</t>
    </rPh>
    <rPh sb="157" eb="159">
      <t>サツエイ</t>
    </rPh>
    <rPh sb="159" eb="161">
      <t>コウモク</t>
    </rPh>
    <rPh sb="162" eb="164">
      <t>メイショウ</t>
    </rPh>
    <rPh sb="165" eb="167">
      <t>ジュウデン</t>
    </rPh>
    <rPh sb="171" eb="173">
      <t>ゼンケイ</t>
    </rPh>
    <rPh sb="177" eb="178">
      <t>フ</t>
    </rPh>
    <phoneticPr fontId="1"/>
  </si>
  <si>
    <t>・補助額にその20%を超える影響を及ぼすことがないＥＶ急速充電設備の
　仕様等を変更した場合は、次の書類を提出すること。
　　□ 神奈川県ＥＶ急速充電設備整備費補助金仕様変更報告書
　　　（別表２第10号様式別紙３）
　　□ 変更箇所に係る確認書類（仕様書等）</t>
    <rPh sb="11" eb="12">
      <t>コ</t>
    </rPh>
    <rPh sb="27" eb="29">
      <t>キュウソク</t>
    </rPh>
    <rPh sb="29" eb="31">
      <t>ジュウデン</t>
    </rPh>
    <rPh sb="31" eb="33">
      <t>セツビ</t>
    </rPh>
    <phoneticPr fontId="1"/>
  </si>
  <si>
    <t>・本チェックリストに申請者氏名を記載し、チェックを入れて
　提出すること。
・「同一敷地内複数契約を可能とする特別措置」にてＥＶ急速充電設備を整備
　した場合で、補助対象経費として「特別措置に基づく受電工事費」や「電力
　会社立会・協議費」を申請するときは、次の書類を提出すること。
　　□電力会社が発行した領収書</t>
    <rPh sb="1" eb="2">
      <t>ホン</t>
    </rPh>
    <rPh sb="10" eb="13">
      <t>シンセイシャ</t>
    </rPh>
    <rPh sb="13" eb="15">
      <t>シメイ</t>
    </rPh>
    <rPh sb="16" eb="18">
      <t>キサイ</t>
    </rPh>
    <rPh sb="25" eb="26">
      <t>イ</t>
    </rPh>
    <rPh sb="30" eb="32">
      <t>テイシュツ</t>
    </rPh>
    <rPh sb="130" eb="131">
      <t>ツギ</t>
    </rPh>
    <rPh sb="132" eb="134">
      <t>ショルイ</t>
    </rPh>
    <rPh sb="135" eb="137">
      <t>テイシュツ</t>
    </rPh>
    <phoneticPr fontId="1"/>
  </si>
  <si>
    <r>
      <t>補助事業に係る</t>
    </r>
    <r>
      <rPr>
        <u/>
        <sz val="9"/>
        <rFont val="HG丸ｺﾞｼｯｸM-PRO"/>
        <family val="3"/>
        <charset val="128"/>
      </rPr>
      <t>全額の支出を証する書類の写し</t>
    </r>
    <r>
      <rPr>
        <sz val="9"/>
        <rFont val="HG丸ｺﾞｼｯｸM-PRO"/>
        <family val="3"/>
        <charset val="128"/>
      </rPr>
      <t>を提出すること。
（設備費のみを申請する場合は、本体の調達に係る領収書の写し等のみで可。）</t>
    </r>
    <rPh sb="53" eb="56">
      <t>リョウシュウショ</t>
    </rPh>
    <rPh sb="57" eb="58">
      <t>ウツ</t>
    </rPh>
    <rPh sb="59" eb="60">
      <t>トウ</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9" x14ac:knownFonts="1">
    <font>
      <sz val="11"/>
      <color theme="1"/>
      <name val="游ゴシック"/>
      <family val="2"/>
      <charset val="128"/>
      <scheme val="minor"/>
    </font>
    <font>
      <sz val="6"/>
      <name val="游ゴシック"/>
      <family val="2"/>
      <charset val="128"/>
      <scheme val="minor"/>
    </font>
    <font>
      <sz val="11"/>
      <color theme="1"/>
      <name val="HG丸ｺﾞｼｯｸM-PRO"/>
      <family val="3"/>
      <charset val="128"/>
    </font>
    <font>
      <sz val="9"/>
      <color theme="1"/>
      <name val="HG丸ｺﾞｼｯｸM-PRO"/>
      <family val="3"/>
      <charset val="128"/>
    </font>
    <font>
      <b/>
      <sz val="11"/>
      <color theme="1"/>
      <name val="HG丸ｺﾞｼｯｸM-PRO"/>
      <family val="3"/>
      <charset val="128"/>
    </font>
    <font>
      <sz val="10"/>
      <color theme="1"/>
      <name val="HG丸ｺﾞｼｯｸM-PRO"/>
      <family val="3"/>
      <charset val="128"/>
    </font>
    <font>
      <sz val="6"/>
      <color theme="1"/>
      <name val="HG丸ｺﾞｼｯｸM-PRO"/>
      <family val="3"/>
      <charset val="128"/>
    </font>
    <font>
      <sz val="8"/>
      <color theme="1"/>
      <name val="HG丸ｺﾞｼｯｸM-PRO"/>
      <family val="3"/>
      <charset val="128"/>
    </font>
    <font>
      <sz val="9"/>
      <name val="HG丸ｺﾞｼｯｸM-PRO"/>
      <family val="3"/>
      <charset val="128"/>
    </font>
    <font>
      <sz val="11"/>
      <name val="HG丸ｺﾞｼｯｸM-PRO"/>
      <family val="3"/>
      <charset val="128"/>
    </font>
    <font>
      <sz val="22"/>
      <color rgb="FFFF0000"/>
      <name val="HG丸ｺﾞｼｯｸM-PRO"/>
      <family val="3"/>
      <charset val="128"/>
    </font>
    <font>
      <sz val="12"/>
      <color theme="1"/>
      <name val="HG丸ｺﾞｼｯｸM-PRO"/>
      <family val="3"/>
      <charset val="128"/>
    </font>
    <font>
      <sz val="11"/>
      <color rgb="FFFF0000"/>
      <name val="HG丸ｺﾞｼｯｸM-PRO"/>
      <family val="3"/>
      <charset val="128"/>
    </font>
    <font>
      <sz val="18"/>
      <color rgb="FFFF0000"/>
      <name val="HG丸ｺﾞｼｯｸM-PRO"/>
      <family val="3"/>
      <charset val="128"/>
    </font>
    <font>
      <u/>
      <sz val="9"/>
      <name val="HG丸ｺﾞｼｯｸM-PRO"/>
      <family val="3"/>
      <charset val="128"/>
    </font>
    <font>
      <sz val="20"/>
      <name val="HG丸ｺﾞｼｯｸM-PRO"/>
      <family val="3"/>
      <charset val="128"/>
    </font>
    <font>
      <sz val="10.5"/>
      <name val="HG丸ｺﾞｼｯｸM-PRO"/>
      <family val="3"/>
      <charset val="128"/>
    </font>
    <font>
      <sz val="8"/>
      <name val="HG丸ｺﾞｼｯｸM-PRO"/>
      <family val="3"/>
      <charset val="128"/>
    </font>
    <font>
      <sz val="10"/>
      <name val="HG丸ｺﾞｼｯｸM-PRO"/>
      <family val="3"/>
      <charset val="128"/>
    </font>
  </fonts>
  <fills count="4">
    <fill>
      <patternFill patternType="none"/>
    </fill>
    <fill>
      <patternFill patternType="gray125"/>
    </fill>
    <fill>
      <patternFill patternType="solid">
        <fgColor theme="0"/>
        <bgColor indexed="64"/>
      </patternFill>
    </fill>
    <fill>
      <patternFill patternType="solid">
        <fgColor theme="0" tint="-0.14996795556505021"/>
        <bgColor indexed="64"/>
      </patternFill>
    </fill>
  </fills>
  <borders count="4">
    <border>
      <left/>
      <right/>
      <top/>
      <bottom/>
      <diagonal/>
    </border>
    <border>
      <left style="thin">
        <color indexed="64"/>
      </left>
      <right style="thin">
        <color indexed="64"/>
      </right>
      <top style="thin">
        <color indexed="64"/>
      </top>
      <bottom style="thin">
        <color indexed="64"/>
      </bottom>
      <diagonal/>
    </border>
    <border>
      <left style="thin">
        <color indexed="64"/>
      </left>
      <right/>
      <top/>
      <bottom/>
      <diagonal/>
    </border>
    <border>
      <left/>
      <right/>
      <top style="thin">
        <color indexed="64"/>
      </top>
      <bottom/>
      <diagonal/>
    </border>
  </borders>
  <cellStyleXfs count="1">
    <xf numFmtId="0" fontId="0" fillId="0" borderId="0">
      <alignment vertical="center"/>
    </xf>
  </cellStyleXfs>
  <cellXfs count="35">
    <xf numFmtId="0" fontId="0" fillId="0" borderId="0" xfId="0">
      <alignment vertical="center"/>
    </xf>
    <xf numFmtId="0" fontId="2" fillId="0" borderId="0" xfId="0" applyFont="1" applyAlignment="1">
      <alignment horizontal="left" vertical="center"/>
    </xf>
    <xf numFmtId="0" fontId="2" fillId="0" borderId="0" xfId="0" applyFont="1">
      <alignment vertical="center"/>
    </xf>
    <xf numFmtId="0" fontId="2" fillId="2" borderId="0" xfId="0" applyFont="1" applyFill="1">
      <alignment vertical="center"/>
    </xf>
    <xf numFmtId="0" fontId="3" fillId="2" borderId="0" xfId="0" applyFont="1" applyFill="1" applyAlignment="1">
      <alignment horizontal="right" vertical="center"/>
    </xf>
    <xf numFmtId="0" fontId="2" fillId="0" borderId="0" xfId="0" applyFont="1" applyAlignment="1">
      <alignment horizontal="center" vertical="center"/>
    </xf>
    <xf numFmtId="0" fontId="4" fillId="0" borderId="0" xfId="0" applyFont="1">
      <alignment vertical="center"/>
    </xf>
    <xf numFmtId="0" fontId="5" fillId="3" borderId="1" xfId="0" applyFont="1" applyFill="1" applyBorder="1" applyAlignment="1">
      <alignment horizontal="center" vertical="center" wrapText="1"/>
    </xf>
    <xf numFmtId="0" fontId="5" fillId="3" borderId="1" xfId="0" applyFont="1" applyFill="1" applyBorder="1" applyAlignment="1">
      <alignment horizontal="center" vertical="center" wrapText="1" shrinkToFit="1"/>
    </xf>
    <xf numFmtId="0" fontId="9" fillId="0" borderId="0" xfId="0" applyFont="1">
      <alignment vertical="center"/>
    </xf>
    <xf numFmtId="0" fontId="8" fillId="2" borderId="1" xfId="0" applyFont="1" applyFill="1" applyBorder="1" applyAlignment="1">
      <alignment vertical="center" wrapText="1"/>
    </xf>
    <xf numFmtId="0" fontId="9" fillId="2" borderId="0" xfId="0" applyFont="1" applyFill="1" applyBorder="1" applyAlignment="1">
      <alignment horizontal="left" vertical="center"/>
    </xf>
    <xf numFmtId="0" fontId="10" fillId="0" borderId="0" xfId="0" applyFont="1" applyAlignment="1">
      <alignment vertical="center"/>
    </xf>
    <xf numFmtId="0" fontId="11" fillId="0" borderId="0" xfId="0" applyFont="1" applyAlignment="1">
      <alignment horizontal="left" vertical="center"/>
    </xf>
    <xf numFmtId="0" fontId="11" fillId="0" borderId="0" xfId="0" applyFont="1">
      <alignment vertical="center"/>
    </xf>
    <xf numFmtId="0" fontId="11" fillId="2" borderId="0" xfId="0" applyFont="1" applyFill="1">
      <alignment vertical="center"/>
    </xf>
    <xf numFmtId="0" fontId="11" fillId="2" borderId="0" xfId="0" applyFont="1" applyFill="1" applyAlignment="1">
      <alignment horizontal="right" vertical="center"/>
    </xf>
    <xf numFmtId="0" fontId="12" fillId="0" borderId="0" xfId="0" applyFont="1">
      <alignment vertical="center"/>
    </xf>
    <xf numFmtId="0" fontId="9" fillId="2" borderId="3" xfId="0" applyFont="1" applyFill="1" applyBorder="1" applyAlignment="1">
      <alignment horizontal="left" vertical="center"/>
    </xf>
    <xf numFmtId="0" fontId="2" fillId="0" borderId="3" xfId="0" applyFont="1" applyBorder="1" applyAlignment="1">
      <alignment horizontal="left" vertical="center"/>
    </xf>
    <xf numFmtId="0" fontId="2" fillId="0" borderId="0" xfId="0" applyFont="1" applyAlignment="1">
      <alignment horizontal="left" vertical="center"/>
    </xf>
    <xf numFmtId="0" fontId="2" fillId="0" borderId="0" xfId="0" applyFont="1" applyAlignment="1">
      <alignment vertical="center"/>
    </xf>
    <xf numFmtId="0" fontId="13" fillId="0" borderId="0" xfId="0" applyFont="1" applyAlignment="1">
      <alignment horizontal="left" vertical="center"/>
    </xf>
    <xf numFmtId="0" fontId="11" fillId="0" borderId="0" xfId="0" applyFont="1" applyAlignment="1">
      <alignment horizontal="center" vertical="center"/>
    </xf>
    <xf numFmtId="0" fontId="5" fillId="0" borderId="0" xfId="0" applyFont="1" applyBorder="1" applyAlignment="1">
      <alignment vertical="center" wrapText="1"/>
    </xf>
    <xf numFmtId="0" fontId="8" fillId="2" borderId="1" xfId="0" applyFont="1" applyFill="1" applyBorder="1" applyAlignment="1">
      <alignment horizontal="left" vertical="center" wrapText="1"/>
    </xf>
    <xf numFmtId="0" fontId="5" fillId="3" borderId="1" xfId="0" applyFont="1" applyFill="1" applyBorder="1" applyAlignment="1">
      <alignment horizontal="center" vertical="center" wrapText="1"/>
    </xf>
    <xf numFmtId="0" fontId="8" fillId="2" borderId="1" xfId="0" applyFont="1" applyFill="1" applyBorder="1" applyAlignment="1">
      <alignment horizontal="center" vertical="center" wrapText="1"/>
    </xf>
    <xf numFmtId="0" fontId="15" fillId="2" borderId="1" xfId="0" applyFont="1" applyFill="1" applyBorder="1" applyAlignment="1">
      <alignment horizontal="center" vertical="center" wrapText="1"/>
    </xf>
    <xf numFmtId="0" fontId="16" fillId="2" borderId="1" xfId="0" applyFont="1" applyFill="1" applyBorder="1" applyAlignment="1">
      <alignment horizontal="left" vertical="center" wrapText="1"/>
    </xf>
    <xf numFmtId="0" fontId="16" fillId="2" borderId="1" xfId="0" applyFont="1" applyFill="1" applyBorder="1" applyAlignment="1">
      <alignment vertical="center" wrapText="1"/>
    </xf>
    <xf numFmtId="0" fontId="5" fillId="3" borderId="1" xfId="0" applyFont="1" applyFill="1" applyBorder="1" applyAlignment="1">
      <alignment horizontal="center" vertical="center" wrapText="1"/>
    </xf>
    <xf numFmtId="0" fontId="17" fillId="2" borderId="1" xfId="0" applyFont="1" applyFill="1" applyBorder="1" applyAlignment="1">
      <alignment horizontal="center" vertical="center" wrapText="1"/>
    </xf>
    <xf numFmtId="0" fontId="18" fillId="0" borderId="2" xfId="0" applyFont="1" applyBorder="1" applyAlignment="1">
      <alignment vertical="center" wrapText="1"/>
    </xf>
    <xf numFmtId="0" fontId="16" fillId="0" borderId="1" xfId="0" applyFont="1" applyBorder="1" applyAlignment="1">
      <alignment vertical="center" wrapText="1"/>
    </xf>
  </cellXfs>
  <cellStyles count="1">
    <cellStyle name="標準" xfId="0" builtinId="0"/>
  </cellStyles>
  <dxfs count="0"/>
  <tableStyles count="0" defaultTableStyle="TableStyleMedium2" defaultPivotStyle="PivotStyleLight16"/>
  <colors>
    <mruColors>
      <color rgb="FF00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_rels/vmlDrawing1.vml.rels><?xml version="1.0" encoding="UTF-8" standalone="yes"?>
<Relationships xmlns="http://schemas.openxmlformats.org/package/2006/relationships"><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0</xdr:colOff>
          <xdr:row>24</xdr:row>
          <xdr:rowOff>0</xdr:rowOff>
        </xdr:from>
        <xdr:to>
          <xdr:col>5</xdr:col>
          <xdr:colOff>1533525</xdr:colOff>
          <xdr:row>70</xdr:row>
          <xdr:rowOff>142875</xdr:rowOff>
        </xdr:to>
        <xdr:sp macro="" textlink="">
          <xdr:nvSpPr>
            <xdr:cNvPr id="1028" name="Object 4" hidden="1">
              <a:extLst>
                <a:ext uri="{63B3BB69-23CF-44E3-9099-C40C66FF867C}">
                  <a14:compatExt spid="_x0000_s1028"/>
                </a:ext>
              </a:extLst>
            </xdr:cNvPr>
            <xdr:cNvSpPr/>
          </xdr:nvSpPr>
          <xdr:spPr bwMode="auto">
            <a:xfrm>
              <a:off x="0" y="0"/>
              <a:ext cx="0" cy="0"/>
            </a:xfrm>
            <a:prstGeom prst="rect">
              <a:avLst/>
            </a:prstGeom>
            <a:solidFill>
              <a:srgbClr val="FFFFFF" mc:Ignorable="a14" a14:legacySpreadsheetColorIndex="65"/>
            </a:solidFill>
            <a:ln>
              <a:noFill/>
            </a:ln>
            <a:extLs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5" Type="http://schemas.openxmlformats.org/officeDocument/2006/relationships/image" Target="../media/image1.emf"/><Relationship Id="rId4" Type="http://schemas.openxmlformats.org/officeDocument/2006/relationships/package" Target="../embeddings/Microsoft_PowerPoint_____.sldx"/></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sheetPr>
  <dimension ref="A1:G31"/>
  <sheetViews>
    <sheetView showGridLines="0" tabSelected="1" view="pageBreakPreview" zoomScaleNormal="100" zoomScaleSheetLayoutView="100" workbookViewId="0">
      <selection activeCell="C17" sqref="C17"/>
    </sheetView>
  </sheetViews>
  <sheetFormatPr defaultColWidth="8.625" defaultRowHeight="13.5" x14ac:dyDescent="0.4"/>
  <cols>
    <col min="1" max="1" width="3.375" style="5" customWidth="1"/>
    <col min="2" max="2" width="34.625" style="2" customWidth="1"/>
    <col min="3" max="3" width="55.625" style="2" customWidth="1"/>
    <col min="4" max="4" width="20.625" style="2" customWidth="1"/>
    <col min="5" max="5" width="5.875" style="2" customWidth="1"/>
    <col min="6" max="6" width="20.375" style="2" customWidth="1"/>
    <col min="7" max="7" width="3.875" style="2" customWidth="1"/>
    <col min="8" max="8" width="3.375" style="2" customWidth="1"/>
    <col min="9" max="9" width="22.375" style="2" customWidth="1"/>
    <col min="10" max="10" width="38.125" style="2" customWidth="1"/>
    <col min="11" max="12" width="4.5" style="2" customWidth="1"/>
    <col min="13" max="13" width="16.125" style="2" customWidth="1"/>
    <col min="14" max="16384" width="8.625" style="2"/>
  </cols>
  <sheetData>
    <row r="1" spans="1:7" ht="8.1" customHeight="1" x14ac:dyDescent="0.4">
      <c r="A1" s="1"/>
      <c r="E1" s="3"/>
      <c r="F1" s="4"/>
    </row>
    <row r="2" spans="1:7" s="14" customFormat="1" ht="26.45" customHeight="1" x14ac:dyDescent="0.4">
      <c r="A2" s="13" t="s">
        <v>19</v>
      </c>
      <c r="B2" s="23"/>
      <c r="E2" s="15"/>
      <c r="F2" s="16"/>
    </row>
    <row r="3" spans="1:7" ht="32.450000000000003" customHeight="1" x14ac:dyDescent="0.4">
      <c r="A3" s="1"/>
      <c r="B3" s="2" t="s">
        <v>51</v>
      </c>
      <c r="C3" s="17"/>
      <c r="D3" s="17"/>
      <c r="E3" s="3"/>
      <c r="F3" s="4"/>
    </row>
    <row r="4" spans="1:7" ht="18" customHeight="1" x14ac:dyDescent="0.4">
      <c r="B4" s="6" t="s">
        <v>32</v>
      </c>
      <c r="E4" s="3"/>
      <c r="F4" s="4" t="s">
        <v>34</v>
      </c>
    </row>
    <row r="5" spans="1:7" ht="13.5" customHeight="1" x14ac:dyDescent="0.4">
      <c r="A5" s="31" t="s">
        <v>0</v>
      </c>
      <c r="B5" s="31"/>
      <c r="C5" s="31"/>
      <c r="D5" s="31"/>
      <c r="E5" s="31"/>
      <c r="F5" s="31" t="s">
        <v>1</v>
      </c>
    </row>
    <row r="6" spans="1:7" ht="21.6" customHeight="1" x14ac:dyDescent="0.4">
      <c r="A6" s="31" t="s">
        <v>4</v>
      </c>
      <c r="B6" s="31"/>
      <c r="C6" s="7" t="s">
        <v>2</v>
      </c>
      <c r="D6" s="26" t="s">
        <v>11</v>
      </c>
      <c r="E6" s="8" t="s">
        <v>7</v>
      </c>
      <c r="F6" s="31"/>
    </row>
    <row r="7" spans="1:7" s="9" customFormat="1" ht="118.5" customHeight="1" x14ac:dyDescent="0.4">
      <c r="A7" s="32">
        <v>1</v>
      </c>
      <c r="B7" s="29" t="s">
        <v>47</v>
      </c>
      <c r="C7" s="10" t="s">
        <v>46</v>
      </c>
      <c r="D7" s="27" t="s">
        <v>18</v>
      </c>
      <c r="E7" s="28" t="s">
        <v>3</v>
      </c>
      <c r="F7" s="10" t="s">
        <v>33</v>
      </c>
      <c r="G7" s="33"/>
    </row>
    <row r="8" spans="1:7" s="9" customFormat="1" ht="88.5" customHeight="1" x14ac:dyDescent="0.4">
      <c r="A8" s="32">
        <v>2</v>
      </c>
      <c r="B8" s="30" t="s">
        <v>48</v>
      </c>
      <c r="C8" s="10" t="s">
        <v>42</v>
      </c>
      <c r="D8" s="27" t="s">
        <v>17</v>
      </c>
      <c r="E8" s="28" t="s">
        <v>3</v>
      </c>
      <c r="F8" s="10"/>
      <c r="G8" s="33"/>
    </row>
    <row r="9" spans="1:7" s="9" customFormat="1" ht="116.25" customHeight="1" x14ac:dyDescent="0.4">
      <c r="A9" s="32">
        <v>3</v>
      </c>
      <c r="B9" s="30" t="s">
        <v>8</v>
      </c>
      <c r="C9" s="10" t="s">
        <v>10</v>
      </c>
      <c r="D9" s="27" t="s">
        <v>12</v>
      </c>
      <c r="E9" s="28" t="s">
        <v>3</v>
      </c>
      <c r="F9" s="25" t="s">
        <v>35</v>
      </c>
      <c r="G9" s="33"/>
    </row>
    <row r="10" spans="1:7" s="9" customFormat="1" ht="51" customHeight="1" x14ac:dyDescent="0.4">
      <c r="A10" s="32">
        <v>4</v>
      </c>
      <c r="B10" s="30" t="s">
        <v>36</v>
      </c>
      <c r="C10" s="25" t="s">
        <v>9</v>
      </c>
      <c r="D10" s="27" t="s">
        <v>20</v>
      </c>
      <c r="E10" s="28" t="s">
        <v>3</v>
      </c>
      <c r="F10" s="10"/>
      <c r="G10" s="33"/>
    </row>
    <row r="11" spans="1:7" s="9" customFormat="1" ht="55.5" customHeight="1" x14ac:dyDescent="0.4">
      <c r="A11" s="32">
        <v>5</v>
      </c>
      <c r="B11" s="30" t="s">
        <v>37</v>
      </c>
      <c r="C11" s="10" t="s">
        <v>56</v>
      </c>
      <c r="D11" s="27" t="s">
        <v>21</v>
      </c>
      <c r="E11" s="28" t="s">
        <v>3</v>
      </c>
      <c r="F11" s="10"/>
      <c r="G11" s="33"/>
    </row>
    <row r="12" spans="1:7" s="9" customFormat="1" ht="55.5" customHeight="1" x14ac:dyDescent="0.4">
      <c r="A12" s="32">
        <v>6</v>
      </c>
      <c r="B12" s="30" t="s">
        <v>54</v>
      </c>
      <c r="C12" s="10" t="s">
        <v>57</v>
      </c>
      <c r="D12" s="27" t="s">
        <v>55</v>
      </c>
      <c r="E12" s="28" t="s">
        <v>3</v>
      </c>
      <c r="F12" s="10"/>
      <c r="G12" s="33"/>
    </row>
    <row r="13" spans="1:7" s="9" customFormat="1" ht="80.25" customHeight="1" x14ac:dyDescent="0.4">
      <c r="A13" s="32">
        <v>7</v>
      </c>
      <c r="B13" s="30" t="s">
        <v>52</v>
      </c>
      <c r="C13" s="25" t="s">
        <v>58</v>
      </c>
      <c r="D13" s="27" t="s">
        <v>14</v>
      </c>
      <c r="E13" s="28" t="s">
        <v>53</v>
      </c>
      <c r="F13" s="10" t="s">
        <v>22</v>
      </c>
      <c r="G13" s="33"/>
    </row>
    <row r="14" spans="1:7" s="9" customFormat="1" ht="54.75" customHeight="1" x14ac:dyDescent="0.4">
      <c r="A14" s="32">
        <v>8</v>
      </c>
      <c r="B14" s="30" t="s">
        <v>38</v>
      </c>
      <c r="C14" s="25" t="s">
        <v>62</v>
      </c>
      <c r="D14" s="27" t="s">
        <v>13</v>
      </c>
      <c r="E14" s="28" t="s">
        <v>3</v>
      </c>
      <c r="F14" s="10"/>
      <c r="G14" s="33"/>
    </row>
    <row r="15" spans="1:7" s="9" customFormat="1" ht="43.5" customHeight="1" x14ac:dyDescent="0.4">
      <c r="A15" s="32">
        <v>9</v>
      </c>
      <c r="B15" s="30" t="s">
        <v>49</v>
      </c>
      <c r="C15" s="25"/>
      <c r="D15" s="27" t="s">
        <v>23</v>
      </c>
      <c r="E15" s="28" t="s">
        <v>3</v>
      </c>
      <c r="F15" s="10" t="s">
        <v>33</v>
      </c>
      <c r="G15" s="33"/>
    </row>
    <row r="16" spans="1:7" s="9" customFormat="1" ht="107.25" customHeight="1" x14ac:dyDescent="0.4">
      <c r="A16" s="32">
        <v>10</v>
      </c>
      <c r="B16" s="30" t="s">
        <v>24</v>
      </c>
      <c r="C16" s="25" t="s">
        <v>59</v>
      </c>
      <c r="D16" s="27" t="s">
        <v>25</v>
      </c>
      <c r="E16" s="28" t="s">
        <v>3</v>
      </c>
      <c r="F16" s="10" t="s">
        <v>45</v>
      </c>
      <c r="G16" s="33"/>
    </row>
    <row r="17" spans="1:7" s="9" customFormat="1" ht="89.25" customHeight="1" x14ac:dyDescent="0.4">
      <c r="A17" s="32">
        <v>11</v>
      </c>
      <c r="B17" s="34" t="s">
        <v>28</v>
      </c>
      <c r="C17" s="25" t="s">
        <v>43</v>
      </c>
      <c r="D17" s="27" t="s">
        <v>26</v>
      </c>
      <c r="E17" s="28" t="s">
        <v>27</v>
      </c>
      <c r="F17" s="10" t="s">
        <v>45</v>
      </c>
      <c r="G17" s="33"/>
    </row>
    <row r="18" spans="1:7" s="9" customFormat="1" ht="115.5" customHeight="1" x14ac:dyDescent="0.4">
      <c r="A18" s="32">
        <v>12</v>
      </c>
      <c r="B18" s="34" t="s">
        <v>29</v>
      </c>
      <c r="C18" s="25" t="s">
        <v>44</v>
      </c>
      <c r="D18" s="27" t="s">
        <v>30</v>
      </c>
      <c r="E18" s="28" t="s">
        <v>27</v>
      </c>
      <c r="F18" s="10"/>
      <c r="G18" s="33"/>
    </row>
    <row r="19" spans="1:7" s="9" customFormat="1" ht="45" customHeight="1" x14ac:dyDescent="0.4">
      <c r="A19" s="32">
        <v>13</v>
      </c>
      <c r="B19" s="34" t="s">
        <v>39</v>
      </c>
      <c r="C19" s="25" t="s">
        <v>40</v>
      </c>
      <c r="D19" s="27" t="s">
        <v>41</v>
      </c>
      <c r="E19" s="28" t="s">
        <v>31</v>
      </c>
      <c r="F19" s="10"/>
      <c r="G19" s="33"/>
    </row>
    <row r="20" spans="1:7" s="9" customFormat="1" ht="75" customHeight="1" x14ac:dyDescent="0.4">
      <c r="A20" s="32">
        <v>14</v>
      </c>
      <c r="B20" s="34" t="s">
        <v>50</v>
      </c>
      <c r="C20" s="25" t="s">
        <v>60</v>
      </c>
      <c r="D20" s="27" t="s">
        <v>16</v>
      </c>
      <c r="E20" s="28" t="s">
        <v>3</v>
      </c>
      <c r="F20" s="10" t="s">
        <v>45</v>
      </c>
      <c r="G20" s="33"/>
    </row>
    <row r="21" spans="1:7" s="9" customFormat="1" ht="93" customHeight="1" x14ac:dyDescent="0.4">
      <c r="A21" s="32">
        <v>15</v>
      </c>
      <c r="B21" s="30" t="s">
        <v>5</v>
      </c>
      <c r="C21" s="25" t="s">
        <v>61</v>
      </c>
      <c r="D21" s="27"/>
      <c r="E21" s="28" t="s">
        <v>3</v>
      </c>
      <c r="F21" s="10" t="s">
        <v>45</v>
      </c>
      <c r="G21" s="33"/>
    </row>
    <row r="22" spans="1:7" ht="19.899999999999999" customHeight="1" x14ac:dyDescent="0.4">
      <c r="A22" s="18" t="s">
        <v>6</v>
      </c>
      <c r="B22" s="19"/>
      <c r="C22" s="19"/>
      <c r="D22" s="19"/>
      <c r="E22" s="19"/>
      <c r="F22" s="19"/>
      <c r="G22" s="24"/>
    </row>
    <row r="23" spans="1:7" s="21" customFormat="1" ht="9.75" customHeight="1" x14ac:dyDescent="0.4">
      <c r="A23" s="20"/>
      <c r="B23" s="22"/>
      <c r="C23" s="20"/>
      <c r="D23" s="20"/>
      <c r="E23" s="20"/>
      <c r="F23" s="20"/>
    </row>
    <row r="24" spans="1:7" s="21" customFormat="1" ht="24" customHeight="1" x14ac:dyDescent="0.4">
      <c r="A24" s="12" t="s">
        <v>15</v>
      </c>
      <c r="B24" s="11"/>
      <c r="C24" s="11"/>
      <c r="D24" s="11"/>
      <c r="E24" s="11"/>
      <c r="F24" s="11"/>
    </row>
    <row r="31" spans="1:7" ht="25.5" x14ac:dyDescent="0.4">
      <c r="A31" s="12"/>
    </row>
  </sheetData>
  <mergeCells count="3">
    <mergeCell ref="A5:E5"/>
    <mergeCell ref="F5:F6"/>
    <mergeCell ref="A6:B6"/>
  </mergeCells>
  <phoneticPr fontId="1"/>
  <printOptions horizontalCentered="1"/>
  <pageMargins left="0.23622047244094491" right="0.23622047244094491" top="0.55118110236220474" bottom="0.55118110236220474" header="0.11811023622047245" footer="0.11811023622047245"/>
  <pageSetup paperSize="9" scale="59" orientation="portrait" r:id="rId1"/>
  <rowBreaks count="1" manualBreakCount="1">
    <brk id="23" max="5" man="1"/>
  </rowBreaks>
  <drawing r:id="rId2"/>
  <legacyDrawing r:id="rId3"/>
  <oleObjects>
    <mc:AlternateContent xmlns:mc="http://schemas.openxmlformats.org/markup-compatibility/2006">
      <mc:Choice Requires="x14">
        <oleObject progId="PowerPoint.Slide.12" shapeId="1028" r:id="rId4">
          <objectPr defaultSize="0" autoPict="0" r:id="rId5">
            <anchor moveWithCells="1">
              <from>
                <xdr:col>0</xdr:col>
                <xdr:colOff>0</xdr:colOff>
                <xdr:row>24</xdr:row>
                <xdr:rowOff>0</xdr:rowOff>
              </from>
              <to>
                <xdr:col>5</xdr:col>
                <xdr:colOff>1533525</xdr:colOff>
                <xdr:row>70</xdr:row>
                <xdr:rowOff>142875</xdr:rowOff>
              </to>
            </anchor>
          </objectPr>
        </oleObject>
      </mc:Choice>
      <mc:Fallback>
        <oleObject progId="PowerPoint.Slide.12" shapeId="1028" r:id="rId4"/>
      </mc:Fallback>
    </mc:AlternateContent>
  </oleObject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実績書類チェック・提出イメージ</vt:lpstr>
      <vt:lpstr>実績書類チェック・提出イメージ!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大池 悟</dc:creator>
  <cp:lastModifiedBy>user</cp:lastModifiedBy>
  <cp:lastPrinted>2024-04-25T10:11:13Z</cp:lastPrinted>
  <dcterms:created xsi:type="dcterms:W3CDTF">2020-05-22T06:35:39Z</dcterms:created>
  <dcterms:modified xsi:type="dcterms:W3CDTF">2024-04-25T10:13:04Z</dcterms:modified>
</cp:coreProperties>
</file>